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21\group\01_調整グループ\02_バリアフリーの街づくり\001_例規等\03_条例施行規則改正（整備基準改正）\01_第１回\04_資料\"/>
    </mc:Choice>
  </mc:AlternateContent>
  <bookViews>
    <workbookView xWindow="0" yWindow="0" windowWidth="20490" windowHeight="7365" activeTab="1"/>
  </bookViews>
  <sheets>
    <sheet name="（１）" sheetId="1" r:id="rId1"/>
    <sheet name="（２）" sheetId="2" r:id="rId2"/>
    <sheet name="（３）" sheetId="3" r:id="rId3"/>
  </sheets>
  <definedNames>
    <definedName name="_xlnm.Print_Area" localSheetId="1">'（２）'!$A$1:$C$20</definedName>
    <definedName name="_xlnm.Print_Titles" localSheetId="0">'（１）'!$6:$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9" uniqueCount="66">
  <si>
    <t>所属</t>
    <rPh sb="0" eb="2">
      <t>ショゾク</t>
    </rPh>
    <phoneticPr fontId="1"/>
  </si>
  <si>
    <t>神奈川県みんなのバリアフリー街づくり条例・規則照会結果</t>
    <rPh sb="0" eb="4">
      <t>カナガワケン</t>
    </rPh>
    <rPh sb="14" eb="15">
      <t>マチ</t>
    </rPh>
    <rPh sb="18" eb="20">
      <t>ジョウレイ</t>
    </rPh>
    <rPh sb="21" eb="23">
      <t>キソク</t>
    </rPh>
    <rPh sb="23" eb="25">
      <t>ショウカイ</t>
    </rPh>
    <rPh sb="25" eb="27">
      <t>ケッカ</t>
    </rPh>
    <phoneticPr fontId="1"/>
  </si>
  <si>
    <t>相模原市</t>
    <rPh sb="0" eb="4">
      <t>サガミハラシ</t>
    </rPh>
    <phoneticPr fontId="1"/>
  </si>
  <si>
    <t>横須賀市</t>
    <rPh sb="0" eb="4">
      <t>ヨコスカシ</t>
    </rPh>
    <phoneticPr fontId="1"/>
  </si>
  <si>
    <t>鎌倉市</t>
    <rPh sb="0" eb="3">
      <t>カマクラシ</t>
    </rPh>
    <phoneticPr fontId="1"/>
  </si>
  <si>
    <t>藤沢市</t>
    <rPh sb="0" eb="3">
      <t>フジサワシ</t>
    </rPh>
    <phoneticPr fontId="1"/>
  </si>
  <si>
    <t>小田原市</t>
    <rPh sb="0" eb="4">
      <t>オダワラシ</t>
    </rPh>
    <phoneticPr fontId="1"/>
  </si>
  <si>
    <t>茅ケ崎市</t>
    <rPh sb="0" eb="4">
      <t>チガサキシ</t>
    </rPh>
    <phoneticPr fontId="1"/>
  </si>
  <si>
    <t>秦野市</t>
    <rPh sb="0" eb="3">
      <t>ハダノシ</t>
    </rPh>
    <phoneticPr fontId="1"/>
  </si>
  <si>
    <t>②特に実施していることはありません。</t>
  </si>
  <si>
    <t>厚木市</t>
    <rPh sb="0" eb="3">
      <t>アツギシ</t>
    </rPh>
    <phoneticPr fontId="1"/>
  </si>
  <si>
    <t>② 特にありません。</t>
    <phoneticPr fontId="1"/>
  </si>
  <si>
    <t>大和市</t>
    <rPh sb="0" eb="3">
      <t>ヤマトシ</t>
    </rPh>
    <phoneticPr fontId="1"/>
  </si>
  <si>
    <t>横須賀土木</t>
    <rPh sb="0" eb="3">
      <t>ヨコスカ</t>
    </rPh>
    <rPh sb="3" eb="5">
      <t>ドボク</t>
    </rPh>
    <phoneticPr fontId="1"/>
  </si>
  <si>
    <t>厚木土木</t>
    <rPh sb="0" eb="2">
      <t>アツギ</t>
    </rPh>
    <rPh sb="2" eb="4">
      <t>ドボク</t>
    </rPh>
    <phoneticPr fontId="1"/>
  </si>
  <si>
    <t>厚木土木
東部Ｃ</t>
    <rPh sb="0" eb="2">
      <t>アツギ</t>
    </rPh>
    <rPh sb="2" eb="4">
      <t>ドボク</t>
    </rPh>
    <rPh sb="5" eb="7">
      <t>トウブ</t>
    </rPh>
    <phoneticPr fontId="1"/>
  </si>
  <si>
    <t>②適合率・遵守率の改善のために実施していること、今後実施を検討していること、有効だと考えられる取組</t>
    <phoneticPr fontId="1"/>
  </si>
  <si>
    <t>平塚市</t>
    <rPh sb="0" eb="2">
      <t>ヒラツカ</t>
    </rPh>
    <rPh sb="2" eb="3">
      <t>シ</t>
    </rPh>
    <phoneticPr fontId="1"/>
  </si>
  <si>
    <t>県西土木</t>
    <rPh sb="0" eb="1">
      <t>ケン</t>
    </rPh>
    <rPh sb="1" eb="2">
      <t>ニシ</t>
    </rPh>
    <rPh sb="2" eb="4">
      <t>ドボク</t>
    </rPh>
    <phoneticPr fontId="1"/>
  </si>
  <si>
    <t>（３）その他、お気づきの点、ご希望等ありましたらご記入ください。</t>
    <phoneticPr fontId="1"/>
  </si>
  <si>
    <t>既存建築物の用途変更による条例協議の場合、不適合が明らかな場合でも、一定の手続きを行わなければならず、苦言を申す設計者が多く、中には協議そのものを放棄する設計者も居ます。加えて、福祉所管の補助金の要件がある場合、既存改修では全適合させるのに苦労し、補助金の要件に沿わない案件が増えております。用途変更や小規模な新築増築の場合は、適合内容の簡素化や手続きの簡素化も視野に入れたほうがよろしいかと思います。</t>
    <phoneticPr fontId="1"/>
  </si>
  <si>
    <t>敷地内通路上に駐車場用ターンテーブル(入出庫の際に自動車の向きを変えるもの)が有る場合、条例に適合するか否か判断に苦慮しています。そのため本条例における取扱いを決めて欲しい。</t>
    <phoneticPr fontId="1"/>
  </si>
  <si>
    <t>平塚土木</t>
    <rPh sb="0" eb="4">
      <t>ヒラツカドボク</t>
    </rPh>
    <phoneticPr fontId="1"/>
  </si>
  <si>
    <t>&lt;要因&gt;
バリアフリー法とは異なり、本条例は適合義務となっていないため、事業者は最低限の整備しか行わない傾向にあることが要因として考えられます。特に用途変更の申請物件による未整備の割合が高く、既存の施設によるため、新たに整備項目を適合するまで整備するのは事業者の負担が大きく、整備することは困難な状況にあると考えられます。</t>
    <phoneticPr fontId="1"/>
  </si>
  <si>
    <t>&lt;要因&gt;
（１）のとおり、既存建築物の用途変更による条例協議が多く、既存建築物の形状や間取りを改修しないと適合出来ない建築物が多いため、費用面や工期、建築物の構造を鑑みて適合が難しいと考える。
&lt;整備を進めるために実施していること・実施すべきと考えていること&gt;
適合させるために指導は行っているが、不適合案件が多いのが現状である。</t>
    <phoneticPr fontId="1"/>
  </si>
  <si>
    <t xml:space="preserve">&lt;要因&gt;
〇誘導用ブロック
施設利用者の躓きの原因になるとの理由により設置しないとしている協議者もいる。
</t>
    <phoneticPr fontId="1"/>
  </si>
  <si>
    <t>&lt;要因&gt;
〇誘導用ブロック
視覚障害者の利用があまり想定されない施設の場合、車椅子・ベビーカー・杖の利用者にとっては、誘導ブロックはつまずき等の障害になることから敬遠されやすいことが原因として考えられる。</t>
    <rPh sb="6" eb="9">
      <t>ユウドウヨウ</t>
    </rPh>
    <phoneticPr fontId="1"/>
  </si>
  <si>
    <t xml:space="preserve">&lt;要因&gt;
〇誘導用ブロック
視覚障害者にとって必要なものという認識はあるものの、協議対象施設が高齢者が主として利用する建築物の場合、つまずきの原因となり、敷設しない事例が多い。
〇トイレ
協議対象建築物において、便所が整備項目で、「みんなのトイレ等」と「みんなのトイレ以外のトイレ」の両方が整備対象箇所の場合、両方の整備ができないと適合とならず、計画建物の規模に対して、床面積の確保や設備整備等に係る費用が建築主等（協議者）にとって負担となり、「みんなのトイレ等」を整備しても「みんなのトイレ以外のトイレ」の整備に至らず不適合となる場合もあります。
</t>
    <phoneticPr fontId="1"/>
  </si>
  <si>
    <t xml:space="preserve">&lt;要因&gt;
〇その他
　店舗の仕様が決まっており対象施設ごと個別の対応ができない、常時スタッフがおり施設整備はできないが人的対応がする等の様々な理由から、繰り返して条例の趣旨を説明の上、事業主へ指導しているが、結果に結びつかない事例が多い。
〇誘導用ブロック
　高齢者等の利用者に対する転倒防止を優先し、あえて誘導用ブロックを設置しない申請者がいる。その場合は、事業主へ指導を通じて、繰り返して条例の趣旨を説明しているが、結果に結びつかない事例が多い。
〇トイレ
　小規模な既存建築物を用途変更し、福祉施設を新設する場合等において元々の既存施設の大きさや形状等から条例に定めるトイレ整備ができない事例が多い。そのため、小規模の既存建築物の用途変更の場合、事前協議の対象外とすることはできないか。
</t>
    <phoneticPr fontId="1"/>
  </si>
  <si>
    <t>&lt;要因&gt;
〇その他　
特に階段手摺端部につける点字の設置がNGになることが多いように感じます。これは、弱視等の方はEVを利用するため整備不要との考えによるものだと思われます。
〇誘導ブロック
誘導ブロックを敷設することにより、一般の高齢者にとっては、逆にバリア(つまづきの原因)になることから整備不可との考えによるものと思われます。(老人ホーム、共同住宅)
〇トイレ
・平面計画上(スペース)の理由により整備不可となる原因が多いようです。
・みんなのトイレ以外のトイレの不適合が多いようです。(転回スペース、ブースの大きさ、洗面器の手摺り)
・みんなのトイレの整備をした上でみんなのトイレ以外のトイレの整備基準をクリアするにはハードルが高いようです。
・廊下に面した出入口のあるみんなのトイレの場合、トイレ前の空間1500角程度の確保ができないケースがあります。(廊下幅の不足による)
&lt;整備を進めるために実施していること・実施すべきと考えていること&gt;
　（１）②の回答と同様</t>
    <rPh sb="1" eb="3">
      <t>ヨウイン</t>
    </rPh>
    <rPh sb="413" eb="415">
      <t>ジッシ</t>
    </rPh>
    <rPh sb="419" eb="420">
      <t>カンガ</t>
    </rPh>
    <phoneticPr fontId="1"/>
  </si>
  <si>
    <t>&lt;要因&gt;
〇誘導用ブロック
誘導用ブロックの基準が難しい。デザイン性を考えている業者に対して原則黄色の点字ブロックだけでは積極的に取り組みづらいのではないか。</t>
    <rPh sb="1" eb="3">
      <t>ヨウイン</t>
    </rPh>
    <rPh sb="6" eb="9">
      <t>ユウドウヨウ</t>
    </rPh>
    <phoneticPr fontId="1"/>
  </si>
  <si>
    <t xml:space="preserve">各行政庁の建築部局だけでなく、福祉部局がバリアフリー条例を活用する（適合証を補助金の条件にする等）取り組みをする必要があるのではないか。
手続き自体が形骸化しているため、効果が薄い制度と感じている。
</t>
    <phoneticPr fontId="1"/>
  </si>
  <si>
    <t>&lt;要因&gt;
〇トイレ
オストメイト等の設置に費用が掛かることや、車いすの回転スペースの確保が困難な場合があること等が想定されます。また、実施していることは特にありません。</t>
    <phoneticPr fontId="1"/>
  </si>
  <si>
    <t>&lt;要因&gt;
〇誘導用ブロック
高齢者や幼児のつまづきの原因と考える協議者が多かったです。</t>
    <rPh sb="1" eb="3">
      <t>ヨウイン</t>
    </rPh>
    <phoneticPr fontId="1"/>
  </si>
  <si>
    <t>&lt;要因&gt;
〇トイレ
トイレについてはほぼ全ての建物で協議対象になってしまう上に、適合基準を全て満たそうとすると面積の確保が必要となり建物規模によっては難しいのだと思います。建物規模や想定される利用者数などに応じて適合基準の努力基準への引き下げをするべきでは無いかと思います。</t>
    <phoneticPr fontId="1"/>
  </si>
  <si>
    <t>（２）令和２年度の未整備の割合が高い整備項目の上位３つは、「その他」「誘導用ブロック」「トイレ」です。このことの要因として考えられることや、整備を進めるために実施していること、実施すべきと考えていること等ありましたらご記入ください。</t>
    <phoneticPr fontId="1"/>
  </si>
  <si>
    <t>①適合率・遵守率の低下している理由として想定されること</t>
    <phoneticPr fontId="1"/>
  </si>
  <si>
    <t>各整備項目の解説の中で、別表に該当するかで整備対象か判断する際、別表はどこにあるのかの問い合わせを受けることがある。整備ガイドブックにおいて、条例規則の別表を後半の関連資料の部分だけでなく、前半の解説の中にも入れ込んではどうか。</t>
    <phoneticPr fontId="1"/>
  </si>
  <si>
    <t xml:space="preserve">&lt;要因&gt;
〇トイレ
小規模建築物の場合、基準に適合するだけのスペースを確保することが難しいため、未整備の割合が高いのではないか。
〇誘導ブロック
病院や保育所等、足の不自由な方や幼い子供のつまずきの原因になるため、設置しないのではないか。
</t>
    <phoneticPr fontId="1"/>
  </si>
  <si>
    <t xml:space="preserve">＜要因＞
〇誘導用ブロック
つまづきの原因等となるため、設置に消極的である。
〇トイレ
建築物や敷地が狭く、トイレ整備の空間を確保できない。また、みんなのトイレがあれば、みんなのトイレ以外のトイレの整備を必要としていない。
&lt;整備を進めるために実施していること・実施すべきと考えていること&gt;
障害者等が自分で訪れる施設と、常時介助者がつき送迎がある施設とでは必要とされる整備項目が異なる。実態に合うよう整備基準の内容を再検討する必要があると考える。
</t>
    <phoneticPr fontId="1"/>
  </si>
  <si>
    <t xml:space="preserve">○県のHPが分かりにくいとの声が多くあります。
1) 整備ガイドブックのHPについてですが、現在正誤表及びガイドブック改定冊子で対応していると思います。この件でそれらを反映したものをガイドブックとして公開できないのかとの要望をいただくことがあることから、検討をお願いしたい。
2) 上記に加え、神奈川県みんなのバリアフリー街づくり条例第4章(バリアフリー法委任規定)チェックリストのページですが、全く別のページにあることから、ページを統合することやお互いのページにリンクをかけるなどの検討をお願いしたい。
○議題(1)①の回答にも記載しておりますが、本市では、障害者総合支援法第5条第17項に規定する共同生活援助を行う施設(建築基準法上は寄宿舎)を福祉施設(神奈川県みんなのバリアフリー街づくり条例逐条解説(平成24年3月現在)p70(11)これらに類する施設)として審査をしています。また、障害者総合支援法第5条13,14項に規定する就労移行支援、就労継続支援を行う施設(ともに建築基準法上は児童福祉施設等)についても上記同様の解釈をしていますが、この考えは正しいでしょうか。
</t>
    <phoneticPr fontId="1"/>
  </si>
  <si>
    <t>（１）現在、条例の適合率・遵守率は低下傾向にあり、令和２年度は県全体で適合率８％、遵守率９％となっています。
①適合率・遵守率の低下している理由として想定されることがありましたらご記入ください。
②適合率・遵守率の改善のために実施していること、今後実施を検討していること、有効だと考えられる取組がありましたらご記入ください。</t>
    <phoneticPr fontId="1"/>
  </si>
  <si>
    <r>
      <t>・対象者を限定している施設も多く、多様な用途に応じた整備が難しい。
・</t>
    </r>
    <r>
      <rPr>
        <u/>
        <sz val="16"/>
        <rFont val="ＭＳ Ｐ明朝"/>
        <family val="1"/>
        <charset val="128"/>
      </rPr>
      <t>既存施設の用途の変更では、改修工事をする費用がない場合が多く</t>
    </r>
    <r>
      <rPr>
        <sz val="16"/>
        <rFont val="ＭＳ Ｐ明朝"/>
        <family val="1"/>
        <charset val="128"/>
      </rPr>
      <t xml:space="preserve">、施設整備が難しい。
</t>
    </r>
    <phoneticPr fontId="1"/>
  </si>
  <si>
    <r>
      <t xml:space="preserve">① </t>
    </r>
    <r>
      <rPr>
        <u/>
        <sz val="16"/>
        <rFont val="ＭＳ Ｐ明朝"/>
        <family val="1"/>
        <charset val="128"/>
      </rPr>
      <t>適合・遵守をする事のメリット</t>
    </r>
    <r>
      <rPr>
        <sz val="16"/>
        <rFont val="ＭＳ Ｐ明朝"/>
        <family val="1"/>
        <charset val="128"/>
      </rPr>
      <t xml:space="preserve">があまりない。適合証の交付を受けることのメリットが周知されていないため分からない。
</t>
    </r>
    <phoneticPr fontId="1"/>
  </si>
  <si>
    <r>
      <t>② 有効と考えられる取り組みとして福祉部局等による、</t>
    </r>
    <r>
      <rPr>
        <u/>
        <sz val="16"/>
        <color rgb="FFFF0000"/>
        <rFont val="ＭＳ Ｐ明朝"/>
        <family val="1"/>
        <charset val="128"/>
      </rPr>
      <t>優遇制度の創設</t>
    </r>
    <r>
      <rPr>
        <sz val="16"/>
        <color rgb="FFFF0000"/>
        <rFont val="ＭＳ Ｐ明朝"/>
        <family val="1"/>
        <charset val="128"/>
      </rPr>
      <t xml:space="preserve">などが考えられる。
</t>
    </r>
    <phoneticPr fontId="1"/>
  </si>
  <si>
    <r>
      <t>・既存建築物の工事を伴わない</t>
    </r>
    <r>
      <rPr>
        <u/>
        <sz val="16"/>
        <rFont val="ＭＳ Ｐ明朝"/>
        <family val="1"/>
        <charset val="128"/>
      </rPr>
      <t>用途変更に伴う協議の申請では、建築主や設計者が基準に適合させようと考えてない物件が多い</t>
    </r>
    <r>
      <rPr>
        <sz val="16"/>
        <rFont val="ＭＳ Ｐ明朝"/>
        <family val="1"/>
        <charset val="128"/>
      </rPr>
      <t>ため。
・</t>
    </r>
    <r>
      <rPr>
        <u/>
        <sz val="16"/>
        <rFont val="ＭＳ Ｐ明朝"/>
        <family val="1"/>
        <charset val="128"/>
      </rPr>
      <t>全ての項目を「適」にしなければ、適合にならない</t>
    </r>
    <r>
      <rPr>
        <sz val="16"/>
        <rFont val="ＭＳ Ｐ明朝"/>
        <family val="1"/>
        <charset val="128"/>
      </rPr>
      <t xml:space="preserve">ため。
・戸の前後の平場空間を確保する項目が、スペースの関係上、適合しない物件が多いため。
・誘導ブロックの敷設、手すり等への点字など、適合が難しい基準があるため。
</t>
    </r>
    <phoneticPr fontId="1"/>
  </si>
  <si>
    <r>
      <t>②
・</t>
    </r>
    <r>
      <rPr>
        <u/>
        <sz val="16"/>
        <rFont val="ＭＳ Ｐ明朝"/>
        <family val="1"/>
        <charset val="128"/>
      </rPr>
      <t>一部の基準を満たしていなくても、施設によって、適合と扱えるようにする</t>
    </r>
    <r>
      <rPr>
        <sz val="16"/>
        <rFont val="ＭＳ Ｐ明朝"/>
        <family val="1"/>
        <charset val="128"/>
      </rPr>
      <t>。
・職員による介助等もハードではないが、</t>
    </r>
    <r>
      <rPr>
        <u/>
        <sz val="16"/>
        <rFont val="ＭＳ Ｐ明朝"/>
        <family val="1"/>
        <charset val="128"/>
      </rPr>
      <t>ソフト部分での適合も考慮できるようにする</t>
    </r>
    <r>
      <rPr>
        <sz val="16"/>
        <rFont val="ＭＳ Ｐ明朝"/>
        <family val="1"/>
        <charset val="128"/>
      </rPr>
      <t xml:space="preserve">。
</t>
    </r>
    <phoneticPr fontId="1"/>
  </si>
  <si>
    <r>
      <t>①バリアフリー法とは異なり、</t>
    </r>
    <r>
      <rPr>
        <u/>
        <sz val="16"/>
        <rFont val="ＭＳ Ｐ明朝"/>
        <family val="1"/>
        <charset val="128"/>
      </rPr>
      <t>本条例は適合義務となっていないため、事業者は最低限の整備しか行わない傾向</t>
    </r>
    <r>
      <rPr>
        <sz val="16"/>
        <rFont val="ＭＳ Ｐ明朝"/>
        <family val="1"/>
        <charset val="128"/>
      </rPr>
      <t>にあり、また、本条例は</t>
    </r>
    <r>
      <rPr>
        <u/>
        <sz val="16"/>
        <rFont val="ＭＳ Ｐ明朝"/>
        <family val="1"/>
        <charset val="128"/>
      </rPr>
      <t>すべての適合項目に適合しないと適合と判定が出ない</t>
    </r>
    <r>
      <rPr>
        <sz val="16"/>
        <rFont val="ＭＳ Ｐ明朝"/>
        <family val="1"/>
        <charset val="128"/>
      </rPr>
      <t xml:space="preserve">ことから、適合率の低下につながっていると考えられます。
</t>
    </r>
    <phoneticPr fontId="1"/>
  </si>
  <si>
    <r>
      <t xml:space="preserve">① </t>
    </r>
    <r>
      <rPr>
        <u/>
        <sz val="16"/>
        <rFont val="ＭＳ Ｐ明朝"/>
        <family val="1"/>
        <charset val="128"/>
      </rPr>
      <t>用途変更に関する建築基準法改正以降、本市において戸建て住宅を福祉系の用途に用途変更する事例が多くみられます</t>
    </r>
    <r>
      <rPr>
        <sz val="16"/>
        <rFont val="ＭＳ Ｐ明朝"/>
        <family val="1"/>
        <charset val="128"/>
      </rPr>
      <t xml:space="preserve">。その際、既存建築物をそのまま使用し、条例の基準に適合しない事が多いです。
</t>
    </r>
    <phoneticPr fontId="1"/>
  </si>
  <si>
    <r>
      <t>①一概には断定できませんが、</t>
    </r>
    <r>
      <rPr>
        <u/>
        <sz val="16"/>
        <rFont val="ＭＳ Ｐ明朝"/>
        <family val="1"/>
        <charset val="128"/>
      </rPr>
      <t>全適合するには事業者の金銭的負担が増えることが理由の一つとして想定</t>
    </r>
    <r>
      <rPr>
        <sz val="16"/>
        <rFont val="ＭＳ Ｐ明朝"/>
        <family val="1"/>
        <charset val="128"/>
      </rPr>
      <t xml:space="preserve">されます。
</t>
    </r>
    <phoneticPr fontId="1"/>
  </si>
  <si>
    <r>
      <t>②適合率・遵守率の改善のため、事前協議の段階で、適合状況項目表などから、</t>
    </r>
    <r>
      <rPr>
        <u/>
        <sz val="16"/>
        <rFont val="ＭＳ Ｐ明朝"/>
        <family val="1"/>
        <charset val="128"/>
      </rPr>
      <t>適合しない項目が残り一箇所等の場合は事業者に整備を行うように促しています</t>
    </r>
    <r>
      <rPr>
        <sz val="16"/>
        <rFont val="ＭＳ Ｐ明朝"/>
        <family val="1"/>
        <charset val="128"/>
      </rPr>
      <t>。
また、事業者や一般の利用者等には、条例の内容があまり理解されず、わかりにくいことも要因の一つと考えています。</t>
    </r>
    <r>
      <rPr>
        <u/>
        <sz val="16"/>
        <rFont val="ＭＳ Ｐ明朝"/>
        <family val="1"/>
        <charset val="128"/>
      </rPr>
      <t>整備項目をまとめたパンフレット等親しみやすい資料の作成や配布を行うことも有効な取組である</t>
    </r>
    <r>
      <rPr>
        <sz val="16"/>
        <rFont val="ＭＳ Ｐ明朝"/>
        <family val="1"/>
        <charset val="128"/>
      </rPr>
      <t>と考えます.</t>
    </r>
    <phoneticPr fontId="1"/>
  </si>
  <si>
    <r>
      <t>① 平塚市の過去の遵守率をみると下記のとおりであり、年度ごとにばらつきはあるものの大きな変動傾向はないと考えています。
今年度回答分(R2年度協議分)の遵守率が低い原因の一つとして考えられるのは、</t>
    </r>
    <r>
      <rPr>
        <u/>
        <sz val="16"/>
        <rFont val="ＭＳ Ｐ明朝"/>
        <family val="1"/>
        <charset val="128"/>
      </rPr>
      <t>国等の通知が0件であったため、数値を押し下げている</t>
    </r>
    <r>
      <rPr>
        <sz val="16"/>
        <rFont val="ＭＳ Ｐ明朝"/>
        <family val="1"/>
        <charset val="128"/>
      </rPr>
      <t>と思われます。(一般的に公共建築物の遵守率は高い傾向にあるため)
協議年度 遵守率 遵守件数 協議件数 うち国等の通知件数
また、</t>
    </r>
    <r>
      <rPr>
        <u/>
        <sz val="16"/>
        <rFont val="ＭＳ Ｐ明朝"/>
        <family val="1"/>
        <charset val="128"/>
      </rPr>
      <t>小規模福祉施設の不適合率が高い傾向</t>
    </r>
    <r>
      <rPr>
        <sz val="16"/>
        <rFont val="ＭＳ Ｐ明朝"/>
        <family val="1"/>
        <charset val="128"/>
      </rPr>
      <t>にあるようです。特に障害者総合支援法第5条第17項に規定する</t>
    </r>
    <r>
      <rPr>
        <u/>
        <sz val="16"/>
        <rFont val="ＭＳ Ｐ明朝"/>
        <family val="1"/>
        <charset val="128"/>
      </rPr>
      <t>共同生活援助を行う施設(神奈川県みんなのバリアフリー街づくり条例逐条解説(平成24年3月現在)p70(11)これらに類する施設として審査をしています。)については、その利用者が限定されているようで、事業者がバリアフリーに関する整備を行うスタンスにないようです</t>
    </r>
    <r>
      <rPr>
        <sz val="16"/>
        <rFont val="ＭＳ Ｐ明朝"/>
        <family val="1"/>
        <charset val="128"/>
      </rPr>
      <t>。
その他、</t>
    </r>
    <r>
      <rPr>
        <u/>
        <sz val="16"/>
        <rFont val="ＭＳ Ｐ明朝"/>
        <family val="1"/>
        <charset val="128"/>
      </rPr>
      <t>小規模福祉施設の用途変更の協議が増加傾向にあり、同様に改修の制限等の理由により整備が困難となっているようです</t>
    </r>
    <r>
      <rPr>
        <sz val="16"/>
        <rFont val="ＭＳ Ｐ明朝"/>
        <family val="1"/>
        <charset val="128"/>
      </rPr>
      <t>。</t>
    </r>
    <phoneticPr fontId="1"/>
  </si>
  <si>
    <r>
      <t>②協議、指導しても</t>
    </r>
    <r>
      <rPr>
        <u/>
        <sz val="16"/>
        <rFont val="ＭＳ Ｐ明朝"/>
        <family val="1"/>
        <charset val="128"/>
      </rPr>
      <t>適合できない項目について、協議者より理由書を添付</t>
    </r>
    <r>
      <rPr>
        <sz val="16"/>
        <rFont val="ＭＳ Ｐ明朝"/>
        <family val="1"/>
        <charset val="128"/>
      </rPr>
      <t xml:space="preserve">してもらっています。
</t>
    </r>
    <phoneticPr fontId="1"/>
  </si>
  <si>
    <r>
      <t xml:space="preserve">① </t>
    </r>
    <r>
      <rPr>
        <u/>
        <sz val="16"/>
        <rFont val="ＭＳ Ｐ明朝"/>
        <family val="1"/>
        <charset val="128"/>
      </rPr>
      <t>既存建築物の用途変更による条例協議が多く、大規模な改修を伴わないと条例に適合しない建築物が多いため</t>
    </r>
    <r>
      <rPr>
        <sz val="16"/>
        <rFont val="ＭＳ Ｐ明朝"/>
        <family val="1"/>
        <charset val="128"/>
      </rPr>
      <t xml:space="preserve">、適合率は低下していると思われる。
</t>
    </r>
    <phoneticPr fontId="1"/>
  </si>
  <si>
    <r>
      <t>② 第17条第2項による指導書により指導を行い、</t>
    </r>
    <r>
      <rPr>
        <u/>
        <sz val="16"/>
        <rFont val="ＭＳ Ｐ明朝"/>
        <family val="1"/>
        <charset val="128"/>
      </rPr>
      <t>適合できない項目については理由書を提出</t>
    </r>
    <r>
      <rPr>
        <sz val="16"/>
        <rFont val="ＭＳ Ｐ明朝"/>
        <family val="1"/>
        <charset val="128"/>
      </rPr>
      <t xml:space="preserve">させておりますが、指導に応じるケースもある一方、大半は全適合には至らないのが現状です。
</t>
    </r>
    <phoneticPr fontId="1"/>
  </si>
  <si>
    <r>
      <t>①</t>
    </r>
    <r>
      <rPr>
        <u/>
        <sz val="16"/>
        <rFont val="ＭＳ Ｐ明朝"/>
        <family val="1"/>
        <charset val="128"/>
      </rPr>
      <t>小規模の福祉施設に関する用途変更については、様々な要因から適合率が低い。</t>
    </r>
    <r>
      <rPr>
        <sz val="16"/>
        <rFont val="ＭＳ Ｐ明朝"/>
        <family val="1"/>
        <charset val="128"/>
      </rPr>
      <t>既存住宅から福祉施設への改修等、特定の人が利用する一定規模以下の対象建築物については条例の事前協議から外したい。</t>
    </r>
    <phoneticPr fontId="1"/>
  </si>
  <si>
    <r>
      <t>①小規模の福祉施設に関する用途変更については、様々な要因から適合率が低い。</t>
    </r>
    <r>
      <rPr>
        <u/>
        <sz val="16"/>
        <rFont val="ＭＳ Ｐ明朝"/>
        <family val="1"/>
        <charset val="128"/>
      </rPr>
      <t>既存住宅から福祉施設への改修等、特定の人が利用する一定規模以下の対象建築物については条例の事前協議から外したい。</t>
    </r>
    <phoneticPr fontId="1"/>
  </si>
  <si>
    <r>
      <t>① 特に用途変更の協議では、</t>
    </r>
    <r>
      <rPr>
        <u/>
        <sz val="16"/>
        <rFont val="ＭＳ Ｐ明朝"/>
        <family val="1"/>
        <charset val="128"/>
      </rPr>
      <t>既存建物を利用するため対応ができない例が多い</t>
    </r>
    <r>
      <rPr>
        <sz val="16"/>
        <rFont val="ＭＳ Ｐ明朝"/>
        <family val="1"/>
        <charset val="128"/>
      </rPr>
      <t xml:space="preserve">と感じます。
② 特にありません。
</t>
    </r>
    <phoneticPr fontId="1"/>
  </si>
  <si>
    <r>
      <t>① 適合基準が実際の運用に適していないように考えます。</t>
    </r>
    <r>
      <rPr>
        <u/>
        <sz val="16"/>
        <rFont val="ＭＳ Ｐ明朝"/>
        <family val="1"/>
        <charset val="128"/>
      </rPr>
      <t>対象施設によっては建物規模に関わらず条例の対象になってしまいますが、どの案件も敷地規模等の制約があるため、全ての基準を満たす計画が出来ない事が適合率の低下に繋がっていると考えます</t>
    </r>
    <r>
      <rPr>
        <sz val="16"/>
        <rFont val="ＭＳ Ｐ明朝"/>
        <family val="1"/>
        <charset val="128"/>
      </rPr>
      <t>。</t>
    </r>
    <phoneticPr fontId="1"/>
  </si>
  <si>
    <r>
      <t>①条例への</t>
    </r>
    <r>
      <rPr>
        <u/>
        <sz val="16"/>
        <rFont val="ＭＳ Ｐ明朝"/>
        <family val="1"/>
        <charset val="128"/>
      </rPr>
      <t>適合意識が低い</t>
    </r>
    <r>
      <rPr>
        <sz val="16"/>
        <rFont val="ＭＳ Ｐ明朝"/>
        <family val="1"/>
        <charset val="128"/>
      </rPr>
      <t xml:space="preserve">ため。
設計者は、適合義務であるバリアフリー法を遵守すれば確認済証が交付されるため、バリアフリー法に対する適合意識は高いが、条例に対する適合意識は低い。
</t>
    </r>
    <phoneticPr fontId="1"/>
  </si>
  <si>
    <r>
      <t>②・実施していること
　　→少しでも適合箇所が増えるよう</t>
    </r>
    <r>
      <rPr>
        <u/>
        <sz val="16"/>
        <rFont val="ＭＳ Ｐ明朝"/>
        <family val="1"/>
        <charset val="128"/>
      </rPr>
      <t>代替案を説明する</t>
    </r>
    <r>
      <rPr>
        <sz val="16"/>
        <rFont val="ＭＳ Ｐ明朝"/>
        <family val="1"/>
        <charset val="128"/>
      </rPr>
      <t>場合もある。
　・有効だと考えられる取組
　　→</t>
    </r>
    <r>
      <rPr>
        <u/>
        <sz val="16"/>
        <rFont val="ＭＳ Ｐ明朝"/>
        <family val="1"/>
        <charset val="128"/>
      </rPr>
      <t>実態に合うよう整備基準を再検討する必要がある（障害者等が自力で訪れる施設と、常時介助者がつき送迎がある施設とでは必要とされる整備項目が異なる）</t>
    </r>
    <r>
      <rPr>
        <sz val="16"/>
        <rFont val="ＭＳ Ｐ明朝"/>
        <family val="1"/>
        <charset val="128"/>
      </rPr>
      <t>。</t>
    </r>
    <phoneticPr fontId="1"/>
  </si>
  <si>
    <r>
      <t>①条例の適合については</t>
    </r>
    <r>
      <rPr>
        <u/>
        <sz val="16"/>
        <rFont val="ＭＳ Ｐ明朝"/>
        <family val="1"/>
        <charset val="128"/>
      </rPr>
      <t>義務でないという意識がまず事前協議を行う設計者にあるため</t>
    </r>
    <r>
      <rPr>
        <sz val="16"/>
        <rFont val="ＭＳ Ｐ明朝"/>
        <family val="1"/>
        <charset val="128"/>
      </rPr>
      <t xml:space="preserve">。
</t>
    </r>
    <phoneticPr fontId="1"/>
  </si>
  <si>
    <r>
      <t>②条例に適合しない項目については、</t>
    </r>
    <r>
      <rPr>
        <u/>
        <sz val="16"/>
        <rFont val="ＭＳ Ｐ明朝"/>
        <family val="1"/>
        <charset val="128"/>
      </rPr>
      <t>協議者名での理由書を提出</t>
    </r>
    <r>
      <rPr>
        <sz val="16"/>
        <rFont val="ＭＳ Ｐ明朝"/>
        <family val="1"/>
        <charset val="128"/>
      </rPr>
      <t xml:space="preserve">いただいているが、その際設計者から協議者へ条例の主旨を説明するよう伝達している。
</t>
    </r>
    <phoneticPr fontId="1"/>
  </si>
  <si>
    <r>
      <t>① 　</t>
    </r>
    <r>
      <rPr>
        <u/>
        <sz val="16"/>
        <rFont val="ＭＳ Ｐ明朝"/>
        <family val="1"/>
        <charset val="128"/>
      </rPr>
      <t>建築基準法の改正により、小規模（200㎡以下）な用途変更が行いやすくなり、既存施設を利用する計画が増えてきている。</t>
    </r>
    <r>
      <rPr>
        <sz val="16"/>
        <rFont val="ＭＳ Ｐ明朝"/>
        <family val="1"/>
        <charset val="128"/>
      </rPr>
      <t>小規模な用途変更の場合、なるべく既存のまま使用し、改修は最小限に抑える傾向がある。</t>
    </r>
    <r>
      <rPr>
        <u/>
        <sz val="16"/>
        <rFont val="ＭＳ Ｐ明朝"/>
        <family val="1"/>
        <charset val="128"/>
      </rPr>
      <t>福祉施設の場合、面積に関係なくすべて条例の対象となることから、それが適合率・遵守率の低下している理由と想定される。
バリアフリー法の基準との差が大きい。</t>
    </r>
    <r>
      <rPr>
        <sz val="16"/>
        <rFont val="ＭＳ Ｐ明朝"/>
        <family val="1"/>
        <charset val="128"/>
      </rPr>
      <t xml:space="preserve">
</t>
    </r>
    <phoneticPr fontId="1"/>
  </si>
  <si>
    <r>
      <t>② 　</t>
    </r>
    <r>
      <rPr>
        <u/>
        <sz val="16"/>
        <rFont val="ＭＳ Ｐ明朝"/>
        <family val="1"/>
        <charset val="128"/>
      </rPr>
      <t xml:space="preserve">第４章の対象ではない規模の施設において、第３章の基準には、適合しないが、バリアフリー法の基準を満たしている場合、条例は不適合だとしても、法基準適合という結果を出すのはどうか。
</t>
    </r>
    <phoneticPr fontId="1"/>
  </si>
  <si>
    <t>&lt;要因&gt;
〇トイレ
窓口でよく耳にするのは「水洗器具（オストメイト）」の設置についてです。既存建築物の改修以外では簡易型設備による対応は行わないこととあり、新築で簡易型が使用出来ないことも要因とし
てあると思われます。
&lt;整備を進めるために実施していること・実施すべきと考えていること&gt;
・昨年度の会議資料３の（６）で秦野市さんが提案した検討事項を実施すべきと考えています。（その後対応検討状況はいかがでしょうか。）</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2" x14ac:knownFonts="1">
    <font>
      <sz val="12"/>
      <name val="ＭＳ 明朝"/>
      <family val="1"/>
      <charset val="128"/>
    </font>
    <font>
      <sz val="6"/>
      <name val="ＭＳ 明朝"/>
      <family val="1"/>
      <charset val="128"/>
    </font>
    <font>
      <sz val="10"/>
      <name val="ＭＳ Ｐゴシック"/>
      <family val="3"/>
      <charset val="128"/>
      <scheme val="minor"/>
    </font>
    <font>
      <sz val="14"/>
      <name val="ＭＳ Ｐゴシック"/>
      <family val="3"/>
      <charset val="128"/>
      <scheme val="minor"/>
    </font>
    <font>
      <b/>
      <sz val="18"/>
      <name val="ＭＳ Ｐゴシック"/>
      <family val="3"/>
      <charset val="128"/>
      <scheme val="minor"/>
    </font>
    <font>
      <b/>
      <sz val="24"/>
      <name val="ＭＳ Ｐゴシック"/>
      <family val="3"/>
      <charset val="128"/>
      <scheme val="minor"/>
    </font>
    <font>
      <sz val="16"/>
      <name val="ＭＳ Ｐ明朝"/>
      <family val="1"/>
      <charset val="128"/>
    </font>
    <font>
      <u/>
      <sz val="16"/>
      <name val="ＭＳ Ｐ明朝"/>
      <family val="1"/>
      <charset val="128"/>
    </font>
    <font>
      <sz val="16"/>
      <color rgb="FFFF0000"/>
      <name val="ＭＳ Ｐ明朝"/>
      <family val="1"/>
      <charset val="128"/>
    </font>
    <font>
      <u/>
      <sz val="16"/>
      <color rgb="FFFF0000"/>
      <name val="ＭＳ Ｐ明朝"/>
      <family val="1"/>
      <charset val="128"/>
    </font>
    <font>
      <sz val="12"/>
      <name val="ＭＳ Ｐゴシック"/>
      <family val="3"/>
      <charset val="128"/>
      <scheme val="minor"/>
    </font>
    <font>
      <sz val="16"/>
      <name val="ＭＳ Ｐゴシック"/>
      <family val="3"/>
      <charset val="128"/>
      <scheme val="minor"/>
    </font>
  </fonts>
  <fills count="2">
    <fill>
      <patternFill patternType="none"/>
    </fill>
    <fill>
      <patternFill patternType="gray125"/>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thin">
        <color indexed="64"/>
      </top>
      <bottom/>
      <diagonal/>
    </border>
  </borders>
  <cellStyleXfs count="1">
    <xf numFmtId="0" fontId="0" fillId="0" borderId="0">
      <alignment vertical="center"/>
    </xf>
  </cellStyleXfs>
  <cellXfs count="24">
    <xf numFmtId="0" fontId="0" fillId="0" borderId="0" xfId="0">
      <alignment vertical="center"/>
    </xf>
    <xf numFmtId="0" fontId="2" fillId="0" borderId="0" xfId="0" applyFont="1" applyAlignment="1">
      <alignment horizontal="center" vertical="center"/>
    </xf>
    <xf numFmtId="0" fontId="2" fillId="0" borderId="0" xfId="0" applyFont="1">
      <alignment vertical="center"/>
    </xf>
    <xf numFmtId="0" fontId="2" fillId="0" borderId="0" xfId="0" applyFont="1" applyBorder="1" applyAlignment="1">
      <alignment horizontal="center" vertical="center"/>
    </xf>
    <xf numFmtId="0" fontId="3" fillId="0" borderId="0" xfId="0" applyFont="1">
      <alignment vertical="center"/>
    </xf>
    <xf numFmtId="0" fontId="4" fillId="0" borderId="0" xfId="0" applyFont="1" applyAlignment="1">
      <alignment horizontal="centerContinuous" vertical="center"/>
    </xf>
    <xf numFmtId="0" fontId="5" fillId="0" borderId="0" xfId="0" applyFont="1" applyAlignment="1">
      <alignment horizontal="centerContinuous" vertical="center"/>
    </xf>
    <xf numFmtId="0" fontId="6" fillId="0" borderId="1" xfId="0" applyFont="1" applyBorder="1" applyAlignment="1">
      <alignment horizontal="center" vertical="center"/>
    </xf>
    <xf numFmtId="0" fontId="6" fillId="0" borderId="1" xfId="0" applyFont="1" applyBorder="1" applyAlignment="1">
      <alignment horizontal="center" vertical="center" wrapText="1"/>
    </xf>
    <xf numFmtId="0" fontId="6" fillId="0" borderId="2" xfId="0" applyFont="1" applyBorder="1" applyAlignment="1">
      <alignment horizontal="center" vertical="center" wrapText="1"/>
    </xf>
    <xf numFmtId="0" fontId="6" fillId="0" borderId="3" xfId="0" applyFont="1" applyBorder="1" applyAlignment="1">
      <alignment horizontal="center" vertical="center" wrapText="1"/>
    </xf>
    <xf numFmtId="0" fontId="6" fillId="0" borderId="0" xfId="0" applyFont="1">
      <alignment vertical="center"/>
    </xf>
    <xf numFmtId="0" fontId="8" fillId="0" borderId="1" xfId="0" applyFont="1" applyBorder="1" applyAlignment="1">
      <alignment horizontal="left" vertical="top" wrapText="1"/>
    </xf>
    <xf numFmtId="0" fontId="6" fillId="0" borderId="1" xfId="0" applyFont="1" applyBorder="1" applyAlignment="1">
      <alignment horizontal="left" vertical="center" wrapText="1"/>
    </xf>
    <xf numFmtId="0" fontId="6" fillId="0" borderId="1" xfId="0" applyFont="1" applyBorder="1" applyAlignment="1">
      <alignment horizontal="left" vertical="top" wrapText="1"/>
    </xf>
    <xf numFmtId="0" fontId="10" fillId="0" borderId="0" xfId="0" applyFont="1" applyAlignment="1">
      <alignment horizontal="center" vertical="center"/>
    </xf>
    <xf numFmtId="0" fontId="10" fillId="0" borderId="0" xfId="0" applyFont="1">
      <alignment vertical="center"/>
    </xf>
    <xf numFmtId="0" fontId="11" fillId="0" borderId="0" xfId="0" applyFont="1" applyAlignment="1">
      <alignment horizontal="center" vertical="center"/>
    </xf>
    <xf numFmtId="0" fontId="11" fillId="0" borderId="1" xfId="0" applyFont="1" applyBorder="1" applyAlignment="1">
      <alignment horizontal="center" vertical="center"/>
    </xf>
    <xf numFmtId="0" fontId="6" fillId="0" borderId="1" xfId="0" applyFont="1" applyBorder="1" applyAlignment="1">
      <alignment vertical="center" wrapText="1"/>
    </xf>
    <xf numFmtId="0" fontId="6" fillId="0" borderId="1" xfId="0" applyFont="1" applyBorder="1" applyAlignment="1">
      <alignment horizontal="left" vertical="top" wrapText="1"/>
    </xf>
    <xf numFmtId="0" fontId="6" fillId="0" borderId="1" xfId="0" applyFont="1" applyBorder="1" applyAlignment="1">
      <alignment horizontal="left" vertical="center" wrapText="1"/>
    </xf>
    <xf numFmtId="0" fontId="6" fillId="0" borderId="1" xfId="0" applyFont="1" applyBorder="1" applyAlignment="1">
      <alignment vertical="top" wrapText="1"/>
    </xf>
    <xf numFmtId="0" fontId="6" fillId="0" borderId="1" xfId="0" applyFont="1" applyBorder="1" applyAlignment="1">
      <alignmen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3</xdr:col>
      <xdr:colOff>2995706</xdr:colOff>
      <xdr:row>0</xdr:row>
      <xdr:rowOff>54201</xdr:rowOff>
    </xdr:from>
    <xdr:to>
      <xdr:col>3</xdr:col>
      <xdr:colOff>4377615</xdr:colOff>
      <xdr:row>1</xdr:row>
      <xdr:rowOff>35668</xdr:rowOff>
    </xdr:to>
    <xdr:sp macro="" textlink="">
      <xdr:nvSpPr>
        <xdr:cNvPr id="3" name="正方形/長方形 2"/>
        <xdr:cNvSpPr/>
      </xdr:nvSpPr>
      <xdr:spPr>
        <a:xfrm>
          <a:off x="8905259" y="54201"/>
          <a:ext cx="1381909" cy="475956"/>
        </a:xfrm>
        <a:prstGeom prst="rect">
          <a:avLst/>
        </a:prstGeom>
        <a:ln w="1905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r>
            <a:rPr kumimoji="1" lang="ja-JP" altLang="en-US" sz="1800"/>
            <a:t>参考資料</a:t>
          </a:r>
          <a:r>
            <a:rPr kumimoji="1" lang="en-US" altLang="ja-JP" sz="1800"/>
            <a:t>6</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3101340</xdr:colOff>
      <xdr:row>0</xdr:row>
      <xdr:rowOff>18234</xdr:rowOff>
    </xdr:from>
    <xdr:to>
      <xdr:col>2</xdr:col>
      <xdr:colOff>4404360</xdr:colOff>
      <xdr:row>0</xdr:row>
      <xdr:rowOff>403860</xdr:rowOff>
    </xdr:to>
    <xdr:sp macro="" textlink="">
      <xdr:nvSpPr>
        <xdr:cNvPr id="2" name="正方形/長方形 1"/>
        <xdr:cNvSpPr/>
      </xdr:nvSpPr>
      <xdr:spPr>
        <a:xfrm>
          <a:off x="8961120" y="18234"/>
          <a:ext cx="1303020" cy="385626"/>
        </a:xfrm>
        <a:prstGeom prst="rect">
          <a:avLst/>
        </a:prstGeom>
        <a:ln w="1905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r>
            <a:rPr kumimoji="1" lang="ja-JP" altLang="en-US" sz="1800"/>
            <a:t>参考資料</a:t>
          </a:r>
          <a:r>
            <a:rPr kumimoji="1" lang="en-US" altLang="ja-JP" sz="1800"/>
            <a:t>6</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xdr:col>
      <xdr:colOff>2624666</xdr:colOff>
      <xdr:row>0</xdr:row>
      <xdr:rowOff>15393</xdr:rowOff>
    </xdr:from>
    <xdr:to>
      <xdr:col>2</xdr:col>
      <xdr:colOff>3948545</xdr:colOff>
      <xdr:row>0</xdr:row>
      <xdr:rowOff>489919</xdr:rowOff>
    </xdr:to>
    <xdr:sp macro="" textlink="">
      <xdr:nvSpPr>
        <xdr:cNvPr id="4" name="正方形/長方形 3"/>
        <xdr:cNvSpPr/>
      </xdr:nvSpPr>
      <xdr:spPr>
        <a:xfrm>
          <a:off x="7758545" y="15393"/>
          <a:ext cx="1323879" cy="474526"/>
        </a:xfrm>
        <a:prstGeom prst="rect">
          <a:avLst/>
        </a:prstGeom>
        <a:ln w="1905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pPr algn="ctr"/>
          <a:r>
            <a:rPr kumimoji="1" lang="ja-JP" altLang="en-US" sz="1800"/>
            <a:t>参考資料</a:t>
          </a:r>
          <a:r>
            <a:rPr kumimoji="1" lang="en-US" altLang="ja-JP" sz="1800"/>
            <a:t>6</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31"/>
  <sheetViews>
    <sheetView zoomScale="94" zoomScaleNormal="94" zoomScaleSheetLayoutView="75" workbookViewId="0">
      <selection activeCell="C9" sqref="C9"/>
    </sheetView>
  </sheetViews>
  <sheetFormatPr defaultColWidth="9" defaultRowHeight="12" x14ac:dyDescent="0.15"/>
  <cols>
    <col min="1" max="1" width="2.625" style="1" customWidth="1"/>
    <col min="2" max="2" width="14.5" style="2" customWidth="1"/>
    <col min="3" max="3" width="60.5" style="2" customWidth="1"/>
    <col min="4" max="4" width="58" style="2" customWidth="1"/>
    <col min="5" max="16384" width="9" style="2"/>
  </cols>
  <sheetData>
    <row r="1" spans="1:4" ht="39" customHeight="1" x14ac:dyDescent="0.15"/>
    <row r="2" spans="1:4" ht="27" customHeight="1" x14ac:dyDescent="0.15">
      <c r="B2" s="6" t="s">
        <v>1</v>
      </c>
      <c r="C2" s="5"/>
      <c r="D2" s="5"/>
    </row>
    <row r="3" spans="1:4" ht="10.15" customHeight="1" x14ac:dyDescent="0.15">
      <c r="A3" s="15"/>
      <c r="B3" s="16"/>
      <c r="C3" s="16"/>
      <c r="D3" s="16"/>
    </row>
    <row r="4" spans="1:4" ht="93.6" customHeight="1" x14ac:dyDescent="0.15">
      <c r="A4" s="17"/>
      <c r="B4" s="19" t="s">
        <v>41</v>
      </c>
      <c r="C4" s="19"/>
      <c r="D4" s="19"/>
    </row>
    <row r="5" spans="1:4" ht="18.75" x14ac:dyDescent="0.15">
      <c r="A5" s="17"/>
      <c r="B5" s="11"/>
      <c r="C5" s="11"/>
      <c r="D5" s="11"/>
    </row>
    <row r="6" spans="1:4" s="4" customFormat="1" ht="69" customHeight="1" x14ac:dyDescent="0.15">
      <c r="A6" s="18"/>
      <c r="B6" s="7" t="s">
        <v>0</v>
      </c>
      <c r="C6" s="13" t="s">
        <v>36</v>
      </c>
      <c r="D6" s="13" t="s">
        <v>16</v>
      </c>
    </row>
    <row r="7" spans="1:4" s="4" customFormat="1" ht="110.45" customHeight="1" x14ac:dyDescent="0.15">
      <c r="A7" s="18"/>
      <c r="B7" s="7" t="s">
        <v>2</v>
      </c>
      <c r="C7" s="14" t="s">
        <v>42</v>
      </c>
      <c r="D7" s="14"/>
    </row>
    <row r="8" spans="1:4" s="4" customFormat="1" ht="83.45" customHeight="1" x14ac:dyDescent="0.15">
      <c r="A8" s="18"/>
      <c r="B8" s="8" t="s">
        <v>3</v>
      </c>
      <c r="C8" s="14" t="s">
        <v>43</v>
      </c>
      <c r="D8" s="12" t="s">
        <v>44</v>
      </c>
    </row>
    <row r="9" spans="1:4" s="4" customFormat="1" ht="405" customHeight="1" x14ac:dyDescent="0.15">
      <c r="A9" s="18"/>
      <c r="B9" s="8" t="s">
        <v>17</v>
      </c>
      <c r="C9" s="14" t="s">
        <v>51</v>
      </c>
      <c r="D9" s="14" t="s">
        <v>52</v>
      </c>
    </row>
    <row r="10" spans="1:4" s="4" customFormat="1" ht="205.9" customHeight="1" x14ac:dyDescent="0.15">
      <c r="A10" s="18"/>
      <c r="B10" s="8" t="s">
        <v>4</v>
      </c>
      <c r="C10" s="14" t="s">
        <v>45</v>
      </c>
      <c r="D10" s="14" t="s">
        <v>46</v>
      </c>
    </row>
    <row r="11" spans="1:4" s="4" customFormat="1" ht="195" customHeight="1" x14ac:dyDescent="0.15">
      <c r="A11" s="18"/>
      <c r="B11" s="8" t="s">
        <v>5</v>
      </c>
      <c r="C11" s="14" t="s">
        <v>47</v>
      </c>
      <c r="D11" s="14" t="s">
        <v>50</v>
      </c>
    </row>
    <row r="12" spans="1:4" s="4" customFormat="1" ht="93" customHeight="1" x14ac:dyDescent="0.15">
      <c r="A12" s="18"/>
      <c r="B12" s="8" t="s">
        <v>6</v>
      </c>
      <c r="C12" s="14" t="s">
        <v>53</v>
      </c>
      <c r="D12" s="14" t="s">
        <v>54</v>
      </c>
    </row>
    <row r="13" spans="1:4" s="4" customFormat="1" ht="134.44999999999999" customHeight="1" x14ac:dyDescent="0.15">
      <c r="A13" s="18"/>
      <c r="B13" s="8" t="s">
        <v>7</v>
      </c>
      <c r="C13" s="14" t="s">
        <v>55</v>
      </c>
      <c r="D13" s="14" t="s">
        <v>56</v>
      </c>
    </row>
    <row r="14" spans="1:4" s="4" customFormat="1" ht="108" customHeight="1" x14ac:dyDescent="0.15">
      <c r="A14" s="18"/>
      <c r="B14" s="8" t="s">
        <v>8</v>
      </c>
      <c r="C14" s="14" t="s">
        <v>48</v>
      </c>
      <c r="D14" s="14" t="s">
        <v>11</v>
      </c>
    </row>
    <row r="15" spans="1:4" s="4" customFormat="1" ht="85.9" customHeight="1" x14ac:dyDescent="0.15">
      <c r="A15" s="18"/>
      <c r="B15" s="8" t="s">
        <v>10</v>
      </c>
      <c r="C15" s="14" t="s">
        <v>49</v>
      </c>
      <c r="D15" s="14" t="s">
        <v>9</v>
      </c>
    </row>
    <row r="16" spans="1:4" s="4" customFormat="1" ht="71.45" customHeight="1" x14ac:dyDescent="0.15">
      <c r="A16" s="18"/>
      <c r="B16" s="8" t="s">
        <v>12</v>
      </c>
      <c r="C16" s="14" t="s">
        <v>57</v>
      </c>
      <c r="D16" s="14" t="s">
        <v>11</v>
      </c>
    </row>
    <row r="17" spans="1:4" s="4" customFormat="1" ht="108" customHeight="1" x14ac:dyDescent="0.15">
      <c r="A17" s="18"/>
      <c r="B17" s="8" t="s">
        <v>13</v>
      </c>
      <c r="C17" s="14" t="s">
        <v>58</v>
      </c>
      <c r="D17" s="14"/>
    </row>
    <row r="18" spans="1:4" s="4" customFormat="1" ht="170.45" customHeight="1" x14ac:dyDescent="0.15">
      <c r="A18" s="18"/>
      <c r="B18" s="8" t="s">
        <v>14</v>
      </c>
      <c r="C18" s="14" t="s">
        <v>59</v>
      </c>
      <c r="D18" s="14" t="s">
        <v>60</v>
      </c>
    </row>
    <row r="19" spans="1:4" s="4" customFormat="1" ht="79.150000000000006" customHeight="1" x14ac:dyDescent="0.15">
      <c r="A19" s="18"/>
      <c r="B19" s="8" t="s">
        <v>15</v>
      </c>
      <c r="C19" s="14" t="s">
        <v>61</v>
      </c>
      <c r="D19" s="14" t="s">
        <v>62</v>
      </c>
    </row>
    <row r="20" spans="1:4" s="4" customFormat="1" ht="180" customHeight="1" x14ac:dyDescent="0.15">
      <c r="A20" s="18"/>
      <c r="B20" s="8" t="s">
        <v>18</v>
      </c>
      <c r="C20" s="14" t="s">
        <v>63</v>
      </c>
      <c r="D20" s="14" t="s">
        <v>64</v>
      </c>
    </row>
    <row r="21" spans="1:4" x14ac:dyDescent="0.15">
      <c r="A21" s="3"/>
    </row>
    <row r="22" spans="1:4" x14ac:dyDescent="0.15">
      <c r="A22" s="3"/>
    </row>
    <row r="23" spans="1:4" x14ac:dyDescent="0.15">
      <c r="A23" s="3"/>
    </row>
    <row r="24" spans="1:4" x14ac:dyDescent="0.15">
      <c r="A24" s="3"/>
    </row>
    <row r="25" spans="1:4" x14ac:dyDescent="0.15">
      <c r="A25" s="3"/>
    </row>
    <row r="26" spans="1:4" x14ac:dyDescent="0.15">
      <c r="A26" s="3"/>
    </row>
    <row r="27" spans="1:4" x14ac:dyDescent="0.15">
      <c r="A27" s="3"/>
    </row>
    <row r="28" spans="1:4" x14ac:dyDescent="0.15">
      <c r="A28" s="3"/>
    </row>
    <row r="29" spans="1:4" x14ac:dyDescent="0.15">
      <c r="A29" s="3"/>
    </row>
    <row r="30" spans="1:4" x14ac:dyDescent="0.15">
      <c r="A30" s="3"/>
    </row>
    <row r="31" spans="1:4" x14ac:dyDescent="0.15">
      <c r="A31" s="3"/>
    </row>
  </sheetData>
  <mergeCells count="1">
    <mergeCell ref="B4:D4"/>
  </mergeCells>
  <phoneticPr fontId="1"/>
  <pageMargins left="0.25" right="0.25" top="0.75" bottom="0.75" header="0.3" footer="0.3"/>
  <pageSetup paperSize="9" scale="68" fitToHeight="0" orientation="portrait" r:id="rId1"/>
  <headerFooter alignWithMargins="0">
    <oddFooter>&amp;P / &amp;N ページ</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20"/>
  <sheetViews>
    <sheetView tabSelected="1" view="pageBreakPreview" topLeftCell="A12" zoomScale="99" zoomScaleNormal="100" zoomScaleSheetLayoutView="99" workbookViewId="0">
      <selection activeCell="B13" sqref="B13:C13"/>
    </sheetView>
  </sheetViews>
  <sheetFormatPr defaultColWidth="9" defaultRowHeight="12" x14ac:dyDescent="0.15"/>
  <cols>
    <col min="1" max="1" width="12.125" style="2" customWidth="1"/>
    <col min="2" max="2" width="38" style="2" customWidth="1"/>
    <col min="3" max="3" width="58" style="2" customWidth="1"/>
    <col min="4" max="16384" width="9" style="2"/>
  </cols>
  <sheetData>
    <row r="1" spans="1:3" ht="33.6" customHeight="1" x14ac:dyDescent="0.15"/>
    <row r="2" spans="1:3" ht="34.15" customHeight="1" x14ac:dyDescent="0.15">
      <c r="A2" s="6" t="s">
        <v>1</v>
      </c>
      <c r="B2" s="5"/>
      <c r="C2" s="5"/>
    </row>
    <row r="4" spans="1:3" ht="71.45" customHeight="1" x14ac:dyDescent="0.15">
      <c r="A4" s="21" t="s">
        <v>35</v>
      </c>
      <c r="B4" s="21"/>
      <c r="C4" s="21"/>
    </row>
    <row r="5" spans="1:3" ht="15.6" customHeight="1" x14ac:dyDescent="0.15">
      <c r="A5" s="11"/>
      <c r="B5" s="11"/>
      <c r="C5" s="11"/>
    </row>
    <row r="6" spans="1:3" s="4" customFormat="1" ht="21" customHeight="1" x14ac:dyDescent="0.15">
      <c r="A6" s="7" t="s">
        <v>0</v>
      </c>
      <c r="B6" s="21"/>
      <c r="C6" s="21"/>
    </row>
    <row r="7" spans="1:3" s="4" customFormat="1" ht="90" customHeight="1" x14ac:dyDescent="0.15">
      <c r="A7" s="8" t="s">
        <v>3</v>
      </c>
      <c r="B7" s="20" t="s">
        <v>30</v>
      </c>
      <c r="C7" s="20"/>
    </row>
    <row r="8" spans="1:3" s="4" customFormat="1" ht="300.60000000000002" customHeight="1" x14ac:dyDescent="0.15">
      <c r="A8" s="8" t="s">
        <v>17</v>
      </c>
      <c r="B8" s="20" t="s">
        <v>29</v>
      </c>
      <c r="C8" s="20"/>
    </row>
    <row r="9" spans="1:3" s="4" customFormat="1" ht="161.44999999999999" customHeight="1" x14ac:dyDescent="0.15">
      <c r="A9" s="8" t="s">
        <v>4</v>
      </c>
      <c r="B9" s="20" t="s">
        <v>38</v>
      </c>
      <c r="C9" s="20"/>
    </row>
    <row r="10" spans="1:3" s="4" customFormat="1" ht="114.6" customHeight="1" x14ac:dyDescent="0.15">
      <c r="A10" s="8" t="s">
        <v>5</v>
      </c>
      <c r="B10" s="20" t="s">
        <v>23</v>
      </c>
      <c r="C10" s="20"/>
    </row>
    <row r="11" spans="1:3" s="4" customFormat="1" ht="164.45" customHeight="1" x14ac:dyDescent="0.15">
      <c r="A11" s="8" t="s">
        <v>6</v>
      </c>
      <c r="B11" s="20" t="s">
        <v>24</v>
      </c>
      <c r="C11" s="20"/>
    </row>
    <row r="12" spans="1:3" s="4" customFormat="1" ht="342" customHeight="1" x14ac:dyDescent="0.15">
      <c r="A12" s="8" t="s">
        <v>7</v>
      </c>
      <c r="B12" s="20" t="s">
        <v>28</v>
      </c>
      <c r="C12" s="20"/>
    </row>
    <row r="13" spans="1:3" s="4" customFormat="1" ht="232.9" customHeight="1" x14ac:dyDescent="0.15">
      <c r="A13" s="8" t="s">
        <v>8</v>
      </c>
      <c r="B13" s="20" t="s">
        <v>27</v>
      </c>
      <c r="C13" s="20"/>
    </row>
    <row r="14" spans="1:3" s="4" customFormat="1" ht="87.6" customHeight="1" x14ac:dyDescent="0.15">
      <c r="A14" s="8" t="s">
        <v>10</v>
      </c>
      <c r="B14" s="20" t="s">
        <v>32</v>
      </c>
      <c r="C14" s="20"/>
    </row>
    <row r="15" spans="1:3" s="4" customFormat="1" ht="62.45" customHeight="1" x14ac:dyDescent="0.15">
      <c r="A15" s="8" t="s">
        <v>12</v>
      </c>
      <c r="B15" s="20" t="s">
        <v>33</v>
      </c>
      <c r="C15" s="20"/>
    </row>
    <row r="16" spans="1:3" s="4" customFormat="1" ht="142.9" customHeight="1" x14ac:dyDescent="0.15">
      <c r="A16" s="8" t="s">
        <v>13</v>
      </c>
      <c r="B16" s="20" t="s">
        <v>34</v>
      </c>
      <c r="C16" s="20"/>
    </row>
    <row r="17" spans="1:3" s="4" customFormat="1" ht="207" customHeight="1" x14ac:dyDescent="0.15">
      <c r="A17" s="8" t="s">
        <v>22</v>
      </c>
      <c r="B17" s="20" t="s">
        <v>65</v>
      </c>
      <c r="C17" s="20"/>
    </row>
    <row r="18" spans="1:3" s="4" customFormat="1" ht="230.45" customHeight="1" x14ac:dyDescent="0.15">
      <c r="A18" s="8" t="s">
        <v>14</v>
      </c>
      <c r="B18" s="20" t="s">
        <v>39</v>
      </c>
      <c r="C18" s="20"/>
    </row>
    <row r="19" spans="1:3" s="4" customFormat="1" ht="69.599999999999994" customHeight="1" x14ac:dyDescent="0.15">
      <c r="A19" s="8" t="s">
        <v>15</v>
      </c>
      <c r="B19" s="20" t="s">
        <v>25</v>
      </c>
      <c r="C19" s="20"/>
    </row>
    <row r="20" spans="1:3" s="4" customFormat="1" ht="120" customHeight="1" x14ac:dyDescent="0.15">
      <c r="A20" s="8" t="s">
        <v>18</v>
      </c>
      <c r="B20" s="20" t="s">
        <v>26</v>
      </c>
      <c r="C20" s="20"/>
    </row>
  </sheetData>
  <mergeCells count="16">
    <mergeCell ref="B20:C20"/>
    <mergeCell ref="B17:C17"/>
    <mergeCell ref="A4:C4"/>
    <mergeCell ref="B8:C8"/>
    <mergeCell ref="B10:C10"/>
    <mergeCell ref="B11:C11"/>
    <mergeCell ref="B12:C12"/>
    <mergeCell ref="B13:C13"/>
    <mergeCell ref="B7:C7"/>
    <mergeCell ref="B6:C6"/>
    <mergeCell ref="B9:C9"/>
    <mergeCell ref="B14:C14"/>
    <mergeCell ref="B15:C15"/>
    <mergeCell ref="B16:C16"/>
    <mergeCell ref="B18:C18"/>
    <mergeCell ref="B19:C19"/>
  </mergeCells>
  <phoneticPr fontId="1"/>
  <pageMargins left="0.7" right="0.7" top="0.75" bottom="0.75" header="0.3" footer="0.3"/>
  <pageSetup paperSize="9" scale="76" fitToHeight="0"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11"/>
  <sheetViews>
    <sheetView view="pageBreakPreview" topLeftCell="A10" zoomScale="99" zoomScaleNormal="100" zoomScaleSheetLayoutView="99" workbookViewId="0">
      <selection activeCell="A4" sqref="A4:C4"/>
    </sheetView>
  </sheetViews>
  <sheetFormatPr defaultColWidth="9" defaultRowHeight="12" x14ac:dyDescent="0.15"/>
  <cols>
    <col min="1" max="1" width="14.5" style="2" customWidth="1"/>
    <col min="2" max="3" width="52.75" style="2" customWidth="1"/>
    <col min="4" max="16384" width="9" style="2"/>
  </cols>
  <sheetData>
    <row r="1" spans="1:3" ht="39" customHeight="1" x14ac:dyDescent="0.15"/>
    <row r="2" spans="1:3" ht="27" customHeight="1" x14ac:dyDescent="0.15">
      <c r="A2" s="6" t="s">
        <v>1</v>
      </c>
      <c r="B2" s="5"/>
      <c r="C2" s="5"/>
    </row>
    <row r="4" spans="1:3" ht="41.45" customHeight="1" x14ac:dyDescent="0.15">
      <c r="A4" s="19" t="s">
        <v>19</v>
      </c>
      <c r="B4" s="19"/>
      <c r="C4" s="19"/>
    </row>
    <row r="5" spans="1:3" ht="18.75" x14ac:dyDescent="0.15">
      <c r="A5" s="11"/>
      <c r="B5" s="11"/>
      <c r="C5" s="11"/>
    </row>
    <row r="6" spans="1:3" s="4" customFormat="1" ht="31.15" customHeight="1" x14ac:dyDescent="0.15">
      <c r="A6" s="7" t="s">
        <v>0</v>
      </c>
      <c r="B6" s="21"/>
      <c r="C6" s="21"/>
    </row>
    <row r="7" spans="1:3" s="4" customFormat="1" ht="72.599999999999994" customHeight="1" x14ac:dyDescent="0.15">
      <c r="A7" s="9" t="s">
        <v>3</v>
      </c>
      <c r="B7" s="20" t="s">
        <v>31</v>
      </c>
      <c r="C7" s="20"/>
    </row>
    <row r="8" spans="1:3" s="4" customFormat="1" ht="292.14999999999998" customHeight="1" x14ac:dyDescent="0.15">
      <c r="A8" s="10" t="s">
        <v>17</v>
      </c>
      <c r="B8" s="22" t="s">
        <v>40</v>
      </c>
      <c r="C8" s="23"/>
    </row>
    <row r="9" spans="1:3" s="4" customFormat="1" ht="107.45" customHeight="1" x14ac:dyDescent="0.15">
      <c r="A9" s="8" t="s">
        <v>6</v>
      </c>
      <c r="B9" s="20" t="s">
        <v>20</v>
      </c>
      <c r="C9" s="20"/>
    </row>
    <row r="10" spans="1:3" s="4" customFormat="1" ht="72" customHeight="1" x14ac:dyDescent="0.15">
      <c r="A10" s="8" t="s">
        <v>7</v>
      </c>
      <c r="B10" s="20" t="s">
        <v>21</v>
      </c>
      <c r="C10" s="20"/>
    </row>
    <row r="11" spans="1:3" s="4" customFormat="1" ht="79.150000000000006" customHeight="1" x14ac:dyDescent="0.15">
      <c r="A11" s="8" t="s">
        <v>18</v>
      </c>
      <c r="B11" s="20" t="s">
        <v>37</v>
      </c>
      <c r="C11" s="20"/>
    </row>
  </sheetData>
  <mergeCells count="7">
    <mergeCell ref="B11:C11"/>
    <mergeCell ref="B10:C10"/>
    <mergeCell ref="A4:C4"/>
    <mergeCell ref="B6:C6"/>
    <mergeCell ref="B7:C7"/>
    <mergeCell ref="B8:C8"/>
    <mergeCell ref="B9:C9"/>
  </mergeCells>
  <phoneticPr fontId="1"/>
  <pageMargins left="0.25" right="0.25" top="0.75" bottom="0.75" header="0.3" footer="0.3"/>
  <pageSetup paperSize="9" scale="77" fitToHeight="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１）</vt:lpstr>
      <vt:lpstr>（２）</vt:lpstr>
      <vt:lpstr>（３）</vt:lpstr>
      <vt:lpstr>'（２）'!Print_Area</vt:lpstr>
      <vt:lpstr>'（１）'!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岩田直人</cp:lastModifiedBy>
  <cp:lastPrinted>2022-07-27T09:01:36Z</cp:lastPrinted>
  <dcterms:created xsi:type="dcterms:W3CDTF">2017-07-28T09:16:58Z</dcterms:created>
  <dcterms:modified xsi:type="dcterms:W3CDTF">2022-08-03T06:55:43Z</dcterms:modified>
</cp:coreProperties>
</file>